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:rsidRPr="002717F7" w:rsidR="00E75080" w:rsidRDefault="00E10DC6" w14:paraId="5C299FFB" w14:textId="77777777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:rsidRPr="002717F7" w:rsidR="00E75080" w:rsidRDefault="00E75080" w14:paraId="43EB3BD2" w14:textId="77777777"/>
    <w:p w:rsidRPr="00586B1F" w:rsidR="00E75080" w:rsidRDefault="00E10DC6" w14:paraId="3262C6C0" w14:textId="5A65A42D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Pr="00DB40ED" w:rsidR="00DB40ED">
        <w:rPr>
          <w:sz w:val="22"/>
        </w:rPr>
        <w:t>FlexQube AB (publ), org.nr 556905-3944</w:t>
      </w:r>
      <w:r w:rsidRPr="00586B1F">
        <w:rPr>
          <w:sz w:val="22"/>
          <w:szCs w:val="22"/>
        </w:rPr>
        <w:t xml:space="preserve">, vid </w:t>
      </w:r>
      <w:r w:rsidR="008601D7">
        <w:rPr>
          <w:sz w:val="22"/>
          <w:szCs w:val="22"/>
        </w:rPr>
        <w:t>extra bolagsstämma</w:t>
      </w:r>
      <w:r w:rsidRPr="00586B1F">
        <w:rPr>
          <w:sz w:val="22"/>
          <w:szCs w:val="22"/>
        </w:rPr>
        <w:t xml:space="preserve"> i </w:t>
      </w:r>
      <w:r w:rsidR="00D2280A">
        <w:rPr>
          <w:sz w:val="22"/>
        </w:rPr>
        <w:t>bolaget</w:t>
      </w:r>
      <w:r w:rsidRPr="00586B1F">
        <w:rPr>
          <w:sz w:val="22"/>
          <w:szCs w:val="22"/>
        </w:rPr>
        <w:t xml:space="preserve"> den </w:t>
      </w:r>
      <w:r w:rsidR="00A05CAA">
        <w:rPr>
          <w:sz w:val="22"/>
          <w:szCs w:val="22"/>
        </w:rPr>
        <w:t>24</w:t>
      </w:r>
      <w:r w:rsidR="000462E0">
        <w:rPr>
          <w:sz w:val="22"/>
          <w:szCs w:val="22"/>
        </w:rPr>
        <w:t xml:space="preserve"> </w:t>
      </w:r>
      <w:r w:rsidR="00925B33">
        <w:rPr>
          <w:sz w:val="22"/>
          <w:szCs w:val="22"/>
        </w:rPr>
        <w:t xml:space="preserve">oktober </w:t>
      </w:r>
      <w:r w:rsidR="00E75080">
        <w:rPr>
          <w:sz w:val="22"/>
          <w:szCs w:val="22"/>
        </w:rPr>
        <w:t>2025</w:t>
      </w:r>
      <w:r w:rsidRPr="00586B1F">
        <w:rPr>
          <w:sz w:val="22"/>
          <w:szCs w:val="22"/>
        </w:rPr>
        <w:t>.</w:t>
      </w:r>
    </w:p>
    <w:p w:rsidRPr="002717F7" w:rsidR="00E75080" w:rsidRDefault="00E75080" w14:paraId="126F76F7" w14:textId="77777777"/>
    <w:p w:rsidRPr="002717F7" w:rsidR="00E75080" w:rsidRDefault="00E10DC6" w14:paraId="59339295" w14:textId="77777777">
      <w:pPr>
        <w:rPr>
          <w:b/>
          <w:bCs/>
        </w:rPr>
      </w:pPr>
      <w:r w:rsidRPr="002717F7">
        <w:rPr>
          <w:b/>
          <w:bCs/>
        </w:rPr>
        <w:t>Ombud</w:t>
      </w:r>
    </w:p>
    <w:p w:rsidRPr="002717F7" w:rsidR="00E75080" w:rsidRDefault="00E75080" w14:paraId="2A8B4874" w14:textId="77777777">
      <w:pPr>
        <w:rPr>
          <w:b/>
          <w:bCs/>
        </w:rPr>
      </w:pPr>
    </w:p>
    <w:tbl>
      <w:tblPr>
        <w:tblW w:w="5000" w:type="pct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80"/>
        <w:gridCol w:w="4537"/>
      </w:tblGrid>
      <w:tr w:rsidRPr="00067817" w:rsidR="008F0C6C" w:rsidTr="00925B33" w14:paraId="0319E7D6" w14:textId="77777777">
        <w:tc>
          <w:tcPr>
            <w:tcW w:w="2484" w:type="pct"/>
          </w:tcPr>
          <w:p w:rsidRPr="00067817" w:rsidR="00E75080" w:rsidRDefault="00E10DC6" w14:paraId="3C675A50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Ombudets namn</w:t>
            </w:r>
          </w:p>
          <w:p w:rsidRPr="00067817" w:rsidR="00E75080" w:rsidRDefault="00E75080" w14:paraId="64009689" w14:textId="77777777">
            <w:pPr>
              <w:rPr>
                <w:sz w:val="20"/>
                <w:szCs w:val="20"/>
              </w:rPr>
            </w:pPr>
          </w:p>
          <w:p w:rsidRPr="00067817" w:rsidR="00E75080" w:rsidRDefault="00E75080" w14:paraId="059C000E" w14:textId="07479473">
            <w:pPr>
              <w:rPr>
                <w:sz w:val="20"/>
                <w:szCs w:val="20"/>
              </w:rPr>
            </w:pPr>
          </w:p>
          <w:p w:rsidRPr="00067817" w:rsidR="00E75080" w:rsidRDefault="00E75080" w14:paraId="4CBADD58" w14:textId="77777777">
            <w:pPr>
              <w:rPr>
                <w:sz w:val="20"/>
                <w:szCs w:val="20"/>
              </w:rPr>
            </w:pPr>
          </w:p>
        </w:tc>
        <w:tc>
          <w:tcPr>
            <w:tcW w:w="2516" w:type="pct"/>
          </w:tcPr>
          <w:p w:rsidRPr="00067817" w:rsidR="00E75080" w:rsidRDefault="00E10DC6" w14:paraId="37CA6504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Personnummer/Födelsedatum</w:t>
            </w:r>
          </w:p>
          <w:p w:rsidR="00E75080" w:rsidRDefault="00E75080" w14:paraId="2738AEF1" w14:textId="77777777">
            <w:pPr>
              <w:rPr>
                <w:sz w:val="20"/>
                <w:szCs w:val="20"/>
              </w:rPr>
            </w:pPr>
          </w:p>
          <w:p w:rsidRPr="00067817" w:rsidR="00067817" w:rsidRDefault="00067817" w14:paraId="6A922171" w14:textId="6016B1AE">
            <w:pPr>
              <w:rPr>
                <w:sz w:val="20"/>
                <w:szCs w:val="20"/>
              </w:rPr>
            </w:pPr>
          </w:p>
        </w:tc>
      </w:tr>
      <w:tr w:rsidRPr="00067817" w:rsidR="008F0C6C" w:rsidTr="00925B33" w14:paraId="69E8FA22" w14:textId="77777777">
        <w:tc>
          <w:tcPr>
            <w:tcW w:w="5000" w:type="pct"/>
            <w:gridSpan w:val="2"/>
          </w:tcPr>
          <w:p w:rsidRPr="00067817" w:rsidR="00E75080" w:rsidRDefault="00E10DC6" w14:paraId="13DFB2EB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Utdelningsadress</w:t>
            </w:r>
          </w:p>
          <w:p w:rsidR="00067817" w:rsidP="00067817" w:rsidRDefault="00067817" w14:paraId="7DC6E16B" w14:textId="77777777">
            <w:pPr>
              <w:rPr>
                <w:sz w:val="20"/>
                <w:szCs w:val="20"/>
              </w:rPr>
            </w:pPr>
          </w:p>
          <w:p w:rsidRPr="00067817" w:rsidR="00925B33" w:rsidP="00067817" w:rsidRDefault="00925B33" w14:paraId="2822DB0A" w14:textId="77777777">
            <w:pPr>
              <w:rPr>
                <w:sz w:val="20"/>
                <w:szCs w:val="20"/>
              </w:rPr>
            </w:pPr>
          </w:p>
          <w:p w:rsidRPr="00067817" w:rsidR="00E75080" w:rsidP="00925B33" w:rsidRDefault="00E75080" w14:paraId="538D2C4A" w14:textId="77777777">
            <w:pPr>
              <w:rPr>
                <w:sz w:val="20"/>
                <w:szCs w:val="20"/>
              </w:rPr>
            </w:pPr>
          </w:p>
        </w:tc>
      </w:tr>
      <w:tr w:rsidRPr="00067817" w:rsidR="008F0C6C" w:rsidTr="00925B33" w14:paraId="411B6CC0" w14:textId="77777777">
        <w:tc>
          <w:tcPr>
            <w:tcW w:w="2484" w:type="pct"/>
          </w:tcPr>
          <w:p w:rsidRPr="00067817" w:rsidR="00E75080" w:rsidRDefault="00E10DC6" w14:paraId="29D0CFBB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Postnummer och postadress</w:t>
            </w:r>
          </w:p>
          <w:p w:rsidR="00E75080" w:rsidRDefault="00E75080" w14:paraId="4ABE098E" w14:textId="77777777">
            <w:pPr>
              <w:rPr>
                <w:sz w:val="20"/>
                <w:szCs w:val="20"/>
              </w:rPr>
            </w:pPr>
          </w:p>
          <w:p w:rsidRPr="00067817" w:rsidR="00925B33" w:rsidRDefault="00925B33" w14:paraId="3419C152" w14:textId="77777777">
            <w:pPr>
              <w:rPr>
                <w:sz w:val="20"/>
                <w:szCs w:val="20"/>
              </w:rPr>
            </w:pPr>
          </w:p>
          <w:p w:rsidRPr="00067817" w:rsidR="00E75080" w:rsidP="00925B33" w:rsidRDefault="00E75080" w14:paraId="3CD297C9" w14:textId="77777777">
            <w:pPr>
              <w:rPr>
                <w:sz w:val="20"/>
                <w:szCs w:val="20"/>
              </w:rPr>
            </w:pPr>
          </w:p>
        </w:tc>
        <w:tc>
          <w:tcPr>
            <w:tcW w:w="2516" w:type="pct"/>
          </w:tcPr>
          <w:p w:rsidRPr="00067817" w:rsidR="00E75080" w:rsidRDefault="00E10DC6" w14:paraId="7615C0AD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Telefonnummer</w:t>
            </w:r>
          </w:p>
          <w:p w:rsidRPr="00067817" w:rsidR="00E75080" w:rsidRDefault="00E75080" w14:paraId="3B8D91B4" w14:textId="77777777">
            <w:pPr>
              <w:rPr>
                <w:sz w:val="20"/>
                <w:szCs w:val="20"/>
              </w:rPr>
            </w:pPr>
          </w:p>
        </w:tc>
      </w:tr>
    </w:tbl>
    <w:p w:rsidRPr="002717F7" w:rsidR="00E75080" w:rsidRDefault="00E75080" w14:paraId="5427CABB" w14:textId="77777777">
      <w:pPr>
        <w:rPr>
          <w:b/>
          <w:bCs/>
        </w:rPr>
      </w:pPr>
    </w:p>
    <w:p w:rsidRPr="002717F7" w:rsidR="00E75080" w:rsidRDefault="00E75080" w14:paraId="15993EA1" w14:textId="77777777">
      <w:pPr>
        <w:rPr>
          <w:b/>
          <w:bCs/>
        </w:rPr>
      </w:pPr>
    </w:p>
    <w:p w:rsidRPr="002717F7" w:rsidR="00E75080" w:rsidRDefault="00E10DC6" w14:paraId="33046009" w14:textId="1203EB01">
      <w:pPr>
        <w:rPr>
          <w:b/>
          <w:bCs/>
        </w:rPr>
      </w:pPr>
      <w:r w:rsidRPr="002717F7">
        <w:rPr>
          <w:b/>
          <w:bCs/>
        </w:rPr>
        <w:t>Underskrift av aktieägaren</w:t>
      </w:r>
    </w:p>
    <w:p w:rsidRPr="002717F7" w:rsidR="00E75080" w:rsidRDefault="00E75080" w14:paraId="49E4FFED" w14:textId="77777777">
      <w:pPr>
        <w:rPr>
          <w:b/>
          <w:bCs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Pr="00067817" w:rsidR="008F0C6C" w:rsidTr="00020201" w14:paraId="375A53AE" w14:textId="77777777">
        <w:tc>
          <w:tcPr>
            <w:tcW w:w="4621" w:type="dxa"/>
          </w:tcPr>
          <w:p w:rsidRPr="00067817" w:rsidR="00E75080" w:rsidRDefault="00E10DC6" w14:paraId="713B0BF3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Aktieägarens namn</w:t>
            </w:r>
          </w:p>
          <w:p w:rsidR="00E75080" w:rsidRDefault="00E75080" w14:paraId="014655DA" w14:textId="77777777">
            <w:pPr>
              <w:rPr>
                <w:sz w:val="20"/>
                <w:szCs w:val="20"/>
              </w:rPr>
            </w:pPr>
          </w:p>
          <w:p w:rsidRPr="00067817" w:rsidR="00925B33" w:rsidRDefault="00925B33" w14:paraId="178A850B" w14:textId="77777777">
            <w:pPr>
              <w:rPr>
                <w:sz w:val="20"/>
                <w:szCs w:val="20"/>
              </w:rPr>
            </w:pPr>
          </w:p>
          <w:p w:rsidRPr="00067817" w:rsidR="00E75080" w:rsidP="00925B33" w:rsidRDefault="00E75080" w14:paraId="0FB4ADF8" w14:textId="77777777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</w:tcPr>
          <w:p w:rsidRPr="00067817" w:rsidR="00E75080" w:rsidRDefault="00E10DC6" w14:paraId="2182C345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Personnummer/Födelsedatum/Organisationsnummer</w:t>
            </w:r>
          </w:p>
          <w:p w:rsidR="00E75080" w:rsidRDefault="00E75080" w14:paraId="758EFAE7" w14:textId="77777777">
            <w:pPr>
              <w:rPr>
                <w:sz w:val="20"/>
                <w:szCs w:val="20"/>
              </w:rPr>
            </w:pPr>
          </w:p>
          <w:p w:rsidRPr="00067817" w:rsidR="00067817" w:rsidP="00067817" w:rsidRDefault="00067817" w14:paraId="3089F3CA" w14:textId="61AB3900">
            <w:pPr>
              <w:rPr>
                <w:sz w:val="20"/>
                <w:szCs w:val="20"/>
              </w:rPr>
            </w:pPr>
          </w:p>
        </w:tc>
      </w:tr>
      <w:tr w:rsidRPr="00067817" w:rsidR="008F0C6C" w:rsidTr="00020201" w14:paraId="59F19A11" w14:textId="77777777">
        <w:tc>
          <w:tcPr>
            <w:tcW w:w="4621" w:type="dxa"/>
          </w:tcPr>
          <w:p w:rsidRPr="00067817" w:rsidR="00E75080" w:rsidRDefault="00E10DC6" w14:paraId="1F48FA64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Ort och datum</w:t>
            </w:r>
          </w:p>
          <w:p w:rsidR="00E75080" w:rsidRDefault="00E75080" w14:paraId="4DBA84BA" w14:textId="77777777">
            <w:pPr>
              <w:rPr>
                <w:sz w:val="20"/>
                <w:szCs w:val="20"/>
              </w:rPr>
            </w:pPr>
          </w:p>
          <w:p w:rsidRPr="00067817" w:rsidR="00925B33" w:rsidRDefault="00925B33" w14:paraId="0F5B8925" w14:textId="77777777">
            <w:pPr>
              <w:rPr>
                <w:sz w:val="20"/>
                <w:szCs w:val="20"/>
              </w:rPr>
            </w:pPr>
          </w:p>
          <w:p w:rsidRPr="00067817" w:rsidR="00E75080" w:rsidP="00925B33" w:rsidRDefault="00E75080" w14:paraId="3A85AF5A" w14:textId="77777777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</w:tcPr>
          <w:p w:rsidRPr="00067817" w:rsidR="00E75080" w:rsidRDefault="00E10DC6" w14:paraId="35A4EC88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Telefonnummer</w:t>
            </w:r>
          </w:p>
          <w:p w:rsidRPr="00067817" w:rsidR="00E75080" w:rsidRDefault="00E75080" w14:paraId="1312F945" w14:textId="77777777">
            <w:pPr>
              <w:rPr>
                <w:sz w:val="20"/>
                <w:szCs w:val="20"/>
              </w:rPr>
            </w:pPr>
          </w:p>
        </w:tc>
      </w:tr>
      <w:tr w:rsidRPr="00067817" w:rsidR="008F0C6C" w:rsidTr="00020201" w14:paraId="22182CCE" w14:textId="77777777">
        <w:tc>
          <w:tcPr>
            <w:tcW w:w="9243" w:type="dxa"/>
            <w:gridSpan w:val="2"/>
          </w:tcPr>
          <w:p w:rsidRPr="00067817" w:rsidR="00E75080" w:rsidRDefault="00E10DC6" w14:paraId="24B05B63" w14:textId="77777777">
            <w:pPr>
              <w:rPr>
                <w:sz w:val="20"/>
                <w:szCs w:val="20"/>
              </w:rPr>
            </w:pPr>
            <w:r w:rsidRPr="00067817">
              <w:rPr>
                <w:sz w:val="20"/>
                <w:szCs w:val="20"/>
              </w:rPr>
              <w:t>Namnteckning*</w:t>
            </w:r>
          </w:p>
          <w:p w:rsidR="00E75080" w:rsidRDefault="00E75080" w14:paraId="1CAEBD4F" w14:textId="77777777">
            <w:pPr>
              <w:rPr>
                <w:sz w:val="20"/>
                <w:szCs w:val="20"/>
              </w:rPr>
            </w:pPr>
          </w:p>
          <w:p w:rsidR="00925B33" w:rsidRDefault="00925B33" w14:paraId="003BDDB8" w14:textId="77777777">
            <w:pPr>
              <w:rPr>
                <w:sz w:val="20"/>
                <w:szCs w:val="20"/>
              </w:rPr>
            </w:pPr>
          </w:p>
          <w:p w:rsidRPr="00067817" w:rsidR="00E75080" w:rsidP="00925B33" w:rsidRDefault="00E75080" w14:paraId="76A13917" w14:textId="77777777">
            <w:pPr>
              <w:rPr>
                <w:sz w:val="20"/>
                <w:szCs w:val="20"/>
              </w:rPr>
            </w:pPr>
          </w:p>
        </w:tc>
      </w:tr>
    </w:tbl>
    <w:p w:rsidRPr="00EF096D" w:rsidR="00E75080" w:rsidRDefault="00E10DC6" w14:paraId="147BA1A5" w14:textId="77777777">
      <w:pPr>
        <w:rPr>
          <w:sz w:val="20"/>
          <w:szCs w:val="20"/>
        </w:rPr>
      </w:pPr>
      <w:r w:rsidRPr="00586B1F">
        <w:rPr>
          <w:sz w:val="20"/>
          <w:szCs w:val="20"/>
        </w:rPr>
        <w:t xml:space="preserve">* Vid firmateckning ska namnförtydligande anges vid namnteckningen och aktuellt registreringsbevis </w:t>
      </w:r>
      <w:r>
        <w:rPr>
          <w:sz w:val="20"/>
          <w:szCs w:val="20"/>
        </w:rPr>
        <w:t xml:space="preserve">(eller </w:t>
      </w:r>
      <w:r w:rsidRPr="00EF096D" w:rsidR="0067404F">
        <w:rPr>
          <w:sz w:val="20"/>
          <w:szCs w:val="20"/>
        </w:rPr>
        <w:t>motsvarande</w:t>
      </w:r>
      <w:r w:rsidRPr="00EF096D">
        <w:rPr>
          <w:sz w:val="20"/>
          <w:szCs w:val="20"/>
        </w:rPr>
        <w:t xml:space="preserve"> handling) biläggas det ifyllda fullmaktsformuläret. </w:t>
      </w:r>
    </w:p>
    <w:p w:rsidRPr="00EF096D" w:rsidR="005B14CB" w:rsidRDefault="005B14CB" w14:paraId="7E13CD18" w14:textId="77777777">
      <w:pPr>
        <w:rPr>
          <w:sz w:val="20"/>
          <w:szCs w:val="20"/>
        </w:rPr>
      </w:pP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9017"/>
      </w:tblGrid>
      <w:tr w:rsidR="005B14CB" w:rsidTr="005B14CB" w14:paraId="090E512A" w14:textId="77777777">
        <w:tc>
          <w:tcPr>
            <w:tcW w:w="9017" w:type="dxa"/>
          </w:tcPr>
          <w:p w:rsidRPr="00EF096D" w:rsidR="005B14CB" w:rsidRDefault="005B14CB" w14:paraId="20A2CA3A" w14:textId="6236DF5D">
            <w:pPr>
              <w:rPr>
                <w:sz w:val="20"/>
                <w:szCs w:val="20"/>
              </w:rPr>
            </w:pPr>
            <w:r w:rsidRPr="00EF096D">
              <w:rPr>
                <w:sz w:val="20"/>
                <w:szCs w:val="20"/>
              </w:rPr>
              <w:t xml:space="preserve">Observera att anmälan om aktieägares deltagande vid bolagsstämman måste ske på det sätt som föreskrivs i kallelsen även om aktieägaren önskar utöva sin rösträtt genom ombud. Inskickat fullmaktsformulär gäller </w:t>
            </w:r>
            <w:r w:rsidRPr="00EF096D">
              <w:rPr>
                <w:sz w:val="20"/>
                <w:szCs w:val="20"/>
                <w:u w:val="single"/>
              </w:rPr>
              <w:t>inte</w:t>
            </w:r>
            <w:r w:rsidRPr="00EF096D">
              <w:rPr>
                <w:sz w:val="20"/>
                <w:szCs w:val="20"/>
              </w:rPr>
              <w:t xml:space="preserve"> som anmälan till bolagsstämman.</w:t>
            </w:r>
          </w:p>
          <w:p w:rsidRPr="00EF096D" w:rsidR="005B14CB" w:rsidRDefault="005B14CB" w14:paraId="25E5212F" w14:textId="77777777">
            <w:pPr>
              <w:rPr>
                <w:sz w:val="20"/>
                <w:szCs w:val="20"/>
              </w:rPr>
            </w:pPr>
          </w:p>
          <w:p w:rsidRPr="00EF096D" w:rsidR="005B14CB" w:rsidRDefault="005B14CB" w14:paraId="71F19F51" w14:textId="1849CF20">
            <w:pPr>
              <w:rPr>
                <w:sz w:val="20"/>
                <w:szCs w:val="20"/>
              </w:rPr>
            </w:pPr>
            <w:r w:rsidRPr="00EF096D">
              <w:rPr>
                <w:sz w:val="20"/>
                <w:szCs w:val="20"/>
              </w:rPr>
              <w:t xml:space="preserve">Det ifyllda fullmaktsformuläret (med eventuella bilagor) bör sändas </w:t>
            </w:r>
            <w:r w:rsidRPr="00A05CAA" w:rsidR="00A05CAA">
              <w:rPr>
                <w:sz w:val="20"/>
                <w:szCs w:val="20"/>
              </w:rPr>
              <w:t>per post till FlexQube AB (publ), Neongatan 8, 431 53 Mölndal, alternativt per e-post till ir@flexqube.com</w:t>
            </w:r>
            <w:r w:rsidRPr="00EF096D">
              <w:rPr>
                <w:rFonts w:eastAsia="MS Mincho"/>
                <w:color w:val="000000"/>
                <w:sz w:val="20"/>
                <w:szCs w:val="20"/>
                <w:lang w:eastAsia="ja-JP"/>
              </w:rPr>
              <w:t>,</w:t>
            </w:r>
            <w:r w:rsidRPr="00EF096D">
              <w:rPr>
                <w:sz w:val="20"/>
                <w:szCs w:val="20"/>
              </w:rPr>
              <w:t xml:space="preserve"> tillsammans med anmälan om deltagande i god tid före stämman. Om aktieägaren inte</w:t>
            </w:r>
            <w:r w:rsidRPr="00EF096D">
              <w:rPr>
                <w:i/>
                <w:sz w:val="20"/>
                <w:szCs w:val="20"/>
              </w:rPr>
              <w:t xml:space="preserve"> </w:t>
            </w:r>
            <w:r w:rsidRPr="00EF096D">
              <w:rPr>
                <w:sz w:val="20"/>
                <w:szCs w:val="20"/>
              </w:rPr>
              <w:t xml:space="preserve">önskar utöva sin rösträtt genom ombud behöver fullmaktsformuläret </w:t>
            </w:r>
            <w:r w:rsidRPr="00EF096D">
              <w:rPr>
                <w:sz w:val="20"/>
                <w:szCs w:val="20"/>
                <w:u w:val="single"/>
              </w:rPr>
              <w:t>inte</w:t>
            </w:r>
            <w:r w:rsidRPr="00EF096D">
              <w:rPr>
                <w:sz w:val="20"/>
                <w:szCs w:val="20"/>
              </w:rPr>
              <w:t xml:space="preserve"> skickas in.</w:t>
            </w:r>
          </w:p>
          <w:p w:rsidRPr="00EF096D" w:rsidR="005B14CB" w:rsidRDefault="005B14CB" w14:paraId="4969F718" w14:textId="77777777">
            <w:pPr>
              <w:rPr>
                <w:sz w:val="20"/>
                <w:szCs w:val="20"/>
              </w:rPr>
            </w:pPr>
          </w:p>
          <w:p w:rsidR="005B14CB" w:rsidRDefault="005B14CB" w14:paraId="344653EC" w14:textId="01392399">
            <w:pPr>
              <w:rPr>
                <w:sz w:val="20"/>
                <w:szCs w:val="20"/>
              </w:rPr>
            </w:pPr>
            <w:r w:rsidRPr="00EF096D">
              <w:rPr>
                <w:sz w:val="20"/>
                <w:szCs w:val="20"/>
              </w:rPr>
              <w:t>För information om hur dina personuppgifter behandlas hänvisas till den integritetspolicy som finns tillgänglig på Euroclear Sweden AB:s hemsida: https://www.euroclear.com/dam/ESw/Legal/Integritetspolicy-bolagsstammor-svenska.pdf</w:t>
            </w:r>
          </w:p>
        </w:tc>
      </w:tr>
    </w:tbl>
    <w:p w:rsidRPr="00586B1F" w:rsidR="005B14CB" w:rsidRDefault="005B14CB" w14:paraId="76C05010" w14:textId="77777777">
      <w:pPr>
        <w:rPr>
          <w:sz w:val="20"/>
          <w:szCs w:val="20"/>
        </w:rPr>
      </w:pPr>
    </w:p>
    <w:sectPr w:rsidRPr="00586B1F" w:rsidR="005B14CB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:rsidR="002B6643" w:rsidRDefault="00E10DC6" w14:paraId="52EDC8C5" w14:textId="77777777">
      <w:r>
        <w:separator/>
      </w:r>
    </w:p>
  </w:endnote>
  <w:endnote w:type="continuationSeparator" w:id="0">
    <w:p w:rsidR="002B6643" w:rsidRDefault="00E10DC6" w14:paraId="23514556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E75080" w:rsidRDefault="00E75080" w14:paraId="7A144C75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8F0C6C" w14:paraId="691039FA" w14:textId="77777777">
      <w:tc>
        <w:tcPr>
          <w:tcW w:w="2000" w:type="pct"/>
          <w:vAlign w:val="bottom"/>
        </w:tcPr>
        <w:p w:rsidR="00E75080" w:rsidRDefault="00E10DC6" w14:paraId="77C61D49" w14:textId="77777777">
          <w:pPr>
            <w:pStyle w:val="Footer"/>
          </w:pPr>
          <w:r>
            <w:t>2011-12-30 15:25 (2K)</w:t>
          </w:r>
        </w:p>
        <w:p w:rsidR="00E75080" w:rsidP="00093537" w:rsidRDefault="00E10DC6" w14:paraId="065E723C" w14:textId="7777777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E75080" w:rsidRDefault="00E75080" w14:paraId="70510CE2" w14:textId="77777777">
          <w:pPr>
            <w:pStyle w:val="WCPageNumber"/>
          </w:pPr>
        </w:p>
      </w:tc>
      <w:tc>
        <w:tcPr>
          <w:tcW w:w="2000" w:type="pct"/>
        </w:tcPr>
        <w:p w:rsidR="00E75080" w:rsidRDefault="00E75080" w14:paraId="706836EE" w14:textId="77777777">
          <w:pPr>
            <w:pStyle w:val="Footer"/>
            <w:jc w:val="right"/>
          </w:pPr>
        </w:p>
      </w:tc>
    </w:tr>
  </w:tbl>
  <w:p w:rsidR="00E75080" w:rsidRDefault="00E75080" w14:paraId="2E8D0CDB" w14:textId="77777777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E75080" w:rsidRDefault="00E75080" w14:paraId="603A7911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8F0C6C" w14:paraId="42427B42" w14:textId="77777777">
      <w:tc>
        <w:tcPr>
          <w:tcW w:w="2000" w:type="pct"/>
          <w:vAlign w:val="bottom"/>
        </w:tcPr>
        <w:p w:rsidR="00E75080" w:rsidRDefault="00E10DC6" w14:paraId="3E437371" w14:textId="77777777">
          <w:pPr>
            <w:pStyle w:val="Footer"/>
          </w:pPr>
          <w:r>
            <w:t>2011-12-30 15:25 (2K)</w:t>
          </w:r>
        </w:p>
        <w:p w:rsidR="00E75080" w:rsidP="00093537" w:rsidRDefault="00E10DC6" w14:paraId="3CB08FF7" w14:textId="7777777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E75080" w:rsidRDefault="00E10DC6" w14:paraId="5C8FCF5F" w14:textId="77777777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E75080" w:rsidRDefault="00E75080" w14:paraId="141344C8" w14:textId="77777777">
          <w:pPr>
            <w:pStyle w:val="Footer"/>
            <w:jc w:val="right"/>
          </w:pPr>
        </w:p>
      </w:tc>
    </w:tr>
  </w:tbl>
  <w:p w:rsidR="00421289" w:rsidRDefault="00E10DC6" w14:paraId="0B7F5B36" w14:textId="77777777">
    <w:pPr>
      <w:pStyle w:val="Footer"/>
      <w:rPr>
        <w:sz w:val="8"/>
      </w:rPr>
    </w:pPr>
    <w:r>
      <w:rPr>
        <w:sz w:val="8"/>
      </w:rPr>
      <w:t>1741917-v1\STODMS</w:t>
    </w:r>
  </w:p>
  <w:p w:rsidR="00E75080" w:rsidP="00421289" w:rsidRDefault="00421289" w14:paraId="2FDADDFE" w14:textId="7777777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421289">
      <w:rPr>
        <w:sz w:val="14"/>
      </w:rPr>
      <w:instrText>IF "</w:instrText>
    </w:r>
    <w:r w:rsidRPr="00421289">
      <w:rPr>
        <w:sz w:val="14"/>
      </w:rPr>
      <w:fldChar w:fldCharType="begin"/>
    </w:r>
    <w:r w:rsidRPr="00421289">
      <w:rPr>
        <w:sz w:val="14"/>
      </w:rPr>
      <w:instrText xml:space="preserve"> DOCVARIABLE "SWDocIDLocation" </w:instrText>
    </w:r>
    <w:r w:rsidRPr="00421289">
      <w:rPr>
        <w:sz w:val="14"/>
      </w:rPr>
      <w:fldChar w:fldCharType="separate"/>
    </w:r>
    <w:r>
      <w:rPr>
        <w:sz w:val="14"/>
      </w:rPr>
      <w:instrText>1</w:instrText>
    </w:r>
    <w:r w:rsidRPr="00421289">
      <w:rPr>
        <w:sz w:val="14"/>
      </w:rPr>
      <w:fldChar w:fldCharType="end"/>
    </w:r>
    <w:r w:rsidRPr="00421289">
      <w:rPr>
        <w:sz w:val="14"/>
      </w:rPr>
      <w:instrText>" = "1" "</w:instrText>
    </w:r>
    <w:r w:rsidRPr="00421289">
      <w:rPr>
        <w:sz w:val="14"/>
      </w:rPr>
      <w:fldChar w:fldCharType="begin"/>
    </w:r>
    <w:r w:rsidRPr="00421289">
      <w:rPr>
        <w:sz w:val="14"/>
      </w:rPr>
      <w:instrText xml:space="preserve"> DOCPROPERTY "SWDocID" </w:instrText>
    </w:r>
    <w:r w:rsidRPr="00421289">
      <w:rPr>
        <w:sz w:val="14"/>
      </w:rPr>
      <w:fldChar w:fldCharType="separate"/>
    </w:r>
    <w:r>
      <w:rPr>
        <w:sz w:val="14"/>
      </w:rPr>
      <w:instrText>2740647-v1\STODMS</w:instrText>
    </w:r>
    <w:r w:rsidRPr="00421289">
      <w:rPr>
        <w:sz w:val="14"/>
      </w:rPr>
      <w:fldChar w:fldCharType="end"/>
    </w:r>
    <w:r w:rsidRPr="00421289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>
      <w:rPr>
        <w:noProof/>
        <w:sz w:val="14"/>
      </w:rPr>
      <w:t>2740647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5B14CB" w:rsidRDefault="005B14CB" w14:paraId="7D0B04D5" w14:textId="7777777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:rsidR="002B6643" w:rsidRDefault="00E10DC6" w14:paraId="46C9D021" w14:textId="77777777">
      <w:r>
        <w:separator/>
      </w:r>
    </w:p>
  </w:footnote>
  <w:footnote w:type="continuationSeparator" w:id="0">
    <w:p w:rsidR="002B6643" w:rsidRDefault="00E10DC6" w14:paraId="57E66465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5B14CB" w:rsidRDefault="005B14CB" w14:paraId="45D9836C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5B14CB" w:rsidRDefault="005B14CB" w14:paraId="6CF55BA5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5B14CB" w:rsidRDefault="005B14CB" w14:paraId="226DD948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619067570">
    <w:abstractNumId w:val="9"/>
  </w:num>
  <w:num w:numId="2" w16cid:durableId="802506766">
    <w:abstractNumId w:val="7"/>
  </w:num>
  <w:num w:numId="3" w16cid:durableId="348683826">
    <w:abstractNumId w:val="6"/>
  </w:num>
  <w:num w:numId="4" w16cid:durableId="2068063205">
    <w:abstractNumId w:val="5"/>
  </w:num>
  <w:num w:numId="5" w16cid:durableId="1348172121">
    <w:abstractNumId w:val="4"/>
  </w:num>
  <w:num w:numId="6" w16cid:durableId="1550267331">
    <w:abstractNumId w:val="8"/>
  </w:num>
  <w:num w:numId="7" w16cid:durableId="492569529">
    <w:abstractNumId w:val="3"/>
  </w:num>
  <w:num w:numId="8" w16cid:durableId="1559433603">
    <w:abstractNumId w:val="2"/>
  </w:num>
  <w:num w:numId="9" w16cid:durableId="2146459238">
    <w:abstractNumId w:val="1"/>
  </w:num>
  <w:num w:numId="10" w16cid:durableId="147031875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20"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6348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8F0C6C"/>
    <w:rsid w:val="000462E0"/>
    <w:rsid w:val="000467CD"/>
    <w:rsid w:val="00052E0B"/>
    <w:rsid w:val="00067817"/>
    <w:rsid w:val="000C367B"/>
    <w:rsid w:val="000E54D8"/>
    <w:rsid w:val="0016448A"/>
    <w:rsid w:val="00193EE5"/>
    <w:rsid w:val="001A4839"/>
    <w:rsid w:val="001B0A41"/>
    <w:rsid w:val="00213404"/>
    <w:rsid w:val="00216D0C"/>
    <w:rsid w:val="002B6643"/>
    <w:rsid w:val="00321488"/>
    <w:rsid w:val="003264F3"/>
    <w:rsid w:val="003337FB"/>
    <w:rsid w:val="00367C8A"/>
    <w:rsid w:val="00395AC7"/>
    <w:rsid w:val="003B712C"/>
    <w:rsid w:val="00421289"/>
    <w:rsid w:val="004B4C83"/>
    <w:rsid w:val="004C2B65"/>
    <w:rsid w:val="0052327E"/>
    <w:rsid w:val="00531DE6"/>
    <w:rsid w:val="00531E44"/>
    <w:rsid w:val="00555093"/>
    <w:rsid w:val="00567889"/>
    <w:rsid w:val="00597F6B"/>
    <w:rsid w:val="005B14CB"/>
    <w:rsid w:val="005D7997"/>
    <w:rsid w:val="005E33FF"/>
    <w:rsid w:val="005F20E0"/>
    <w:rsid w:val="006577B0"/>
    <w:rsid w:val="0067404F"/>
    <w:rsid w:val="00685415"/>
    <w:rsid w:val="006B271B"/>
    <w:rsid w:val="006C618E"/>
    <w:rsid w:val="007342D9"/>
    <w:rsid w:val="007A0201"/>
    <w:rsid w:val="007A321D"/>
    <w:rsid w:val="007D4157"/>
    <w:rsid w:val="007D67FA"/>
    <w:rsid w:val="007E3776"/>
    <w:rsid w:val="00815827"/>
    <w:rsid w:val="008601D7"/>
    <w:rsid w:val="00883478"/>
    <w:rsid w:val="008F0C6C"/>
    <w:rsid w:val="00925B33"/>
    <w:rsid w:val="009A5C5B"/>
    <w:rsid w:val="00A05CAA"/>
    <w:rsid w:val="00A67505"/>
    <w:rsid w:val="00B406B8"/>
    <w:rsid w:val="00B4325E"/>
    <w:rsid w:val="00B967E7"/>
    <w:rsid w:val="00B97FED"/>
    <w:rsid w:val="00BA004C"/>
    <w:rsid w:val="00C2452F"/>
    <w:rsid w:val="00C32661"/>
    <w:rsid w:val="00D2280A"/>
    <w:rsid w:val="00D46689"/>
    <w:rsid w:val="00D4679C"/>
    <w:rsid w:val="00DB40ED"/>
    <w:rsid w:val="00E10DC6"/>
    <w:rsid w:val="00E4601D"/>
    <w:rsid w:val="00E75080"/>
    <w:rsid w:val="00EF096D"/>
    <w:rsid w:val="00EF1BCC"/>
    <w:rsid w:val="00F331E2"/>
    <w:rsid w:val="00FD3A2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63489"/>
    <o:shapelayout v:ext="edit">
      <o:idmap v:ext="edit" data="1"/>
    </o:shapelayout>
  </w:shapeDefaults>
  <w:decimalSymbol w:val=","/>
  <w:listSeparator w:val=";"/>
  <w14:docId w14:val="244F1DEA"/>
  <w15:docId w15:val="{B3C2B720-451E-44A3-8841-60AF3372D76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Pr>
      <w:sz w:val="24"/>
      <w:szCs w:val="24"/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Text" w:customStyle="1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styleId="WCPageNumber" w:customStyle="1">
    <w:name w:val="WCPageNumber"/>
    <w:pPr>
      <w:jc w:val="center"/>
    </w:pPr>
    <w:rPr>
      <w:sz w:val="24"/>
      <w:lang w:val="en-US" w:eastAsia="en-US"/>
    </w:rPr>
  </w:style>
  <w:style w:type="paragraph" w:styleId="BaseArial" w:customStyle="1">
    <w:name w:val="BaseArial"/>
    <w:rPr>
      <w:rFonts w:ascii="Arial" w:hAnsi="Arial"/>
      <w:sz w:val="24"/>
      <w:lang w:eastAsia="en-US"/>
    </w:rPr>
  </w:style>
  <w:style w:type="paragraph" w:styleId="BaseTimes" w:customStyle="1">
    <w:name w:val="BaseTimes"/>
    <w:rPr>
      <w:sz w:val="24"/>
      <w:lang w:eastAsia="en-US"/>
    </w:rPr>
  </w:style>
  <w:style w:type="character" w:styleId="CharBaseArial" w:customStyle="1">
    <w:name w:val="CharBaseArial"/>
    <w:rPr>
      <w:rFonts w:ascii="Arial" w:hAnsi="Arial"/>
      <w:sz w:val="24"/>
      <w:lang w:val="sv-SE"/>
    </w:rPr>
  </w:style>
  <w:style w:type="character" w:styleId="CharBaseTimes" w:customStyle="1">
    <w:name w:val="CharBaseTimes"/>
    <w:rPr>
      <w:rFonts w:ascii="Times New Roman" w:hAnsi="Times New Roman"/>
      <w:sz w:val="24"/>
      <w:lang w:val="sv-SE"/>
    </w:rPr>
  </w:style>
  <w:style w:type="paragraph" w:styleId="Rubrik1" w:customStyle="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4C2B65"/>
    <w:rPr>
      <w:sz w:val="24"/>
      <w:szCs w:val="24"/>
      <w:lang w:eastAsia="en-US"/>
    </w:rPr>
  </w:style>
  <w:style w:type="character" w:styleId="CommentReference">
    <w:name w:val="annotation reference"/>
    <w:basedOn w:val="DefaultParagraphFont"/>
    <w:semiHidden/>
    <w:unhideWhenUsed/>
    <w:rsid w:val="00C32661"/>
    <w:rPr>
      <w:sz w:val="16"/>
      <w:szCs w:val="16"/>
    </w:rPr>
  </w:style>
  <w:style w:type="paragraph" w:styleId="CommentText">
    <w:name w:val="annotation text"/>
    <w:basedOn w:val="Normal"/>
    <w:link w:val="CommentTextChar"/>
    <w:semiHidden/>
    <w:unhideWhenUsed/>
    <w:rsid w:val="00C32661"/>
    <w:rPr>
      <w:sz w:val="20"/>
      <w:szCs w:val="20"/>
    </w:rPr>
  </w:style>
  <w:style w:type="character" w:styleId="CommentTextChar" w:customStyle="1">
    <w:name w:val="Comment Text Char"/>
    <w:basedOn w:val="DefaultParagraphFont"/>
    <w:link w:val="CommentText"/>
    <w:semiHidden/>
    <w:rsid w:val="00C32661"/>
    <w:rPr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semiHidden/>
    <w:unhideWhenUsed/>
    <w:rsid w:val="00C32661"/>
    <w:rPr>
      <w:b/>
      <w:bCs/>
    </w:rPr>
  </w:style>
  <w:style w:type="character" w:styleId="CommentSubjectChar" w:customStyle="1">
    <w:name w:val="Comment Subject Char"/>
    <w:basedOn w:val="CommentTextChar"/>
    <w:link w:val="CommentSubject"/>
    <w:semiHidden/>
    <w:rsid w:val="00C32661"/>
    <w:rPr>
      <w:b/>
      <w:bCs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Template>Normal.dotm</ap:Template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899-12-31T23:00:00.0000000Z</dcterms:created>
  <dcterms:modified xsi:type="dcterms:W3CDTF">2025-10-06T23:54:46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4" name="Lorem_Ipsum_Template_String">
    <vt:lpwstr>Loremipsumlolorsitamet</vt:lpwstr>
  </op:property>
</op:Properties>
</file>